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papend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DCF5B01B-22FF-A2A3-00EC-5F4824FD8D8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8571" y="4907755"/>
            <a:ext cx="2040064" cy="165576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16DA0F41-E980-D2DA-8F42-E5A652CC69B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46557" y="4224823"/>
            <a:ext cx="1288679" cy="104592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08T09:31:41Z</dcterms:modified>
</cp:coreProperties>
</file>